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105" d="100"/>
          <a:sy n="105" d="100"/>
        </p:scale>
        <p:origin x="852" y="8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1-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1-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kapell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140AE4DE-9ED3-D0A3-0571-2F250B36907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92881" y="4934953"/>
            <a:ext cx="2163213" cy="1756529"/>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1FAFBAAB-1345-F635-0376-2D2DE768C60D}"/>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69306" y="4305300"/>
            <a:ext cx="1361387" cy="110544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9-11T07:50:51Z</dcterms:modified>
</cp:coreProperties>
</file>